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910"/>
  </bookViews>
  <sheets>
    <sheet name="19-24" sheetId="25" r:id="rId1"/>
  </sheets>
  <definedNames>
    <definedName name="_xlnm.Print_Area" localSheetId="0">'19-24'!$A$1:$G$26</definedName>
  </definedNames>
  <calcPr calcId="152511"/>
</workbook>
</file>

<file path=xl/sharedStrings.xml><?xml version="1.0" encoding="utf-8"?>
<sst xmlns="http://schemas.openxmlformats.org/spreadsheetml/2006/main" count="69" uniqueCount="65">
  <si>
    <t>年度</t>
    <rPh sb="0" eb="2">
      <t>ネンド</t>
    </rPh>
    <phoneticPr fontId="2"/>
  </si>
  <si>
    <t>保険医療による自己負担相当額</t>
    <rPh sb="0" eb="2">
      <t>ホケン</t>
    </rPh>
    <rPh sb="2" eb="4">
      <t>イリョウ</t>
    </rPh>
    <rPh sb="7" eb="9">
      <t>ジコ</t>
    </rPh>
    <rPh sb="9" eb="11">
      <t>フタン</t>
    </rPh>
    <rPh sb="11" eb="14">
      <t>ソウトウガク</t>
    </rPh>
    <phoneticPr fontId="2"/>
  </si>
  <si>
    <t>19-24　母子家庭及び父子家庭の医療の状況</t>
    <rPh sb="6" eb="8">
      <t>ボシ</t>
    </rPh>
    <rPh sb="8" eb="10">
      <t>カテイ</t>
    </rPh>
    <rPh sb="10" eb="11">
      <t>オヨ</t>
    </rPh>
    <rPh sb="12" eb="14">
      <t>フシ</t>
    </rPh>
    <rPh sb="14" eb="16">
      <t>カテイ</t>
    </rPh>
    <rPh sb="17" eb="19">
      <t>イリョウ</t>
    </rPh>
    <rPh sb="20" eb="22">
      <t>ジョウキョウ</t>
    </rPh>
    <phoneticPr fontId="2"/>
  </si>
  <si>
    <t>総額（千円）</t>
    <rPh sb="0" eb="2">
      <t>ソウガク</t>
    </rPh>
    <rPh sb="3" eb="5">
      <t>センエン</t>
    </rPh>
    <phoneticPr fontId="2"/>
  </si>
  <si>
    <t>1人当たり（円）</t>
    <rPh sb="0" eb="2">
      <t>ヒトリ</t>
    </rPh>
    <rPh sb="2" eb="3">
      <t>ア</t>
    </rPh>
    <rPh sb="6" eb="7">
      <t>エン</t>
    </rPh>
    <phoneticPr fontId="2"/>
  </si>
  <si>
    <t>資料：国保医療課</t>
    <rPh sb="0" eb="2">
      <t>シリョウ</t>
    </rPh>
    <rPh sb="3" eb="4">
      <t>コク</t>
    </rPh>
    <rPh sb="4" eb="5">
      <t>ホ</t>
    </rPh>
    <rPh sb="5" eb="7">
      <t>イリョウ</t>
    </rPh>
    <rPh sb="7" eb="8">
      <t>カ</t>
    </rPh>
    <phoneticPr fontId="2"/>
  </si>
  <si>
    <t>（134）</t>
    <phoneticPr fontId="2"/>
  </si>
  <si>
    <t>（1,568）</t>
    <phoneticPr fontId="2"/>
  </si>
  <si>
    <t>（11,701）</t>
    <phoneticPr fontId="2"/>
  </si>
  <si>
    <t>（149）</t>
    <phoneticPr fontId="2"/>
  </si>
  <si>
    <t>（1,837）</t>
    <phoneticPr fontId="2"/>
  </si>
  <si>
    <t>（12,328）</t>
    <phoneticPr fontId="2"/>
  </si>
  <si>
    <t>（157）</t>
    <phoneticPr fontId="2"/>
  </si>
  <si>
    <t>（2,516）</t>
    <phoneticPr fontId="2"/>
  </si>
  <si>
    <t>（16,025）</t>
    <phoneticPr fontId="2"/>
  </si>
  <si>
    <t>（139）</t>
    <phoneticPr fontId="2"/>
  </si>
  <si>
    <t>（2,012）</t>
    <phoneticPr fontId="2"/>
  </si>
  <si>
    <t>（14,474）</t>
    <phoneticPr fontId="2"/>
  </si>
  <si>
    <t>（137）</t>
    <phoneticPr fontId="2"/>
  </si>
  <si>
    <t>（1,842）</t>
    <phoneticPr fontId="2"/>
  </si>
  <si>
    <t>（13,445）</t>
    <phoneticPr fontId="2"/>
  </si>
  <si>
    <t>（135）</t>
    <phoneticPr fontId="2"/>
  </si>
  <si>
    <t>（1,888）</t>
    <phoneticPr fontId="2"/>
  </si>
  <si>
    <t>（13,985）</t>
    <phoneticPr fontId="2"/>
  </si>
  <si>
    <t>（94）</t>
    <phoneticPr fontId="2"/>
  </si>
  <si>
    <t>（1,936）</t>
    <phoneticPr fontId="2"/>
  </si>
  <si>
    <t>（20,595）</t>
    <phoneticPr fontId="2"/>
  </si>
  <si>
    <t>（75）</t>
    <phoneticPr fontId="2"/>
  </si>
  <si>
    <t>（1,634）</t>
    <phoneticPr fontId="2"/>
  </si>
  <si>
    <t>（21,786）</t>
    <phoneticPr fontId="2"/>
  </si>
  <si>
    <t>（1,851）</t>
    <phoneticPr fontId="2"/>
  </si>
  <si>
    <t>（19,691）</t>
    <phoneticPr fontId="2"/>
  </si>
  <si>
    <t>（140）</t>
    <phoneticPr fontId="2"/>
  </si>
  <si>
    <t>（3,448）</t>
    <phoneticPr fontId="2"/>
  </si>
  <si>
    <t>（24,628）</t>
    <phoneticPr fontId="2"/>
  </si>
  <si>
    <t>（110）</t>
    <phoneticPr fontId="2"/>
  </si>
  <si>
    <t>（1,941）</t>
    <phoneticPr fontId="2"/>
  </si>
  <si>
    <t>（17,645）</t>
    <phoneticPr fontId="2"/>
  </si>
  <si>
    <t>（143）</t>
    <phoneticPr fontId="2"/>
  </si>
  <si>
    <t>（2,527）</t>
    <phoneticPr fontId="2"/>
  </si>
  <si>
    <t>（17,669）</t>
    <phoneticPr fontId="2"/>
  </si>
  <si>
    <t>（130）</t>
    <phoneticPr fontId="2"/>
  </si>
  <si>
    <t>（2,693）</t>
    <phoneticPr fontId="2"/>
  </si>
  <si>
    <t>（20,716）</t>
    <phoneticPr fontId="2"/>
  </si>
  <si>
    <t>※（　）内は父子家庭の数値　外数。</t>
    <rPh sb="4" eb="5">
      <t>ナイ</t>
    </rPh>
    <rPh sb="6" eb="8">
      <t>フシ</t>
    </rPh>
    <rPh sb="8" eb="10">
      <t>カテイ</t>
    </rPh>
    <rPh sb="11" eb="13">
      <t>スウチ</t>
    </rPh>
    <rPh sb="14" eb="15">
      <t>ソト</t>
    </rPh>
    <rPh sb="15" eb="16">
      <t>スウ</t>
    </rPh>
    <phoneticPr fontId="2"/>
  </si>
  <si>
    <t>支給件数</t>
    <rPh sb="0" eb="2">
      <t>シキュウ</t>
    </rPh>
    <rPh sb="2" eb="4">
      <t>ケンスウ</t>
    </rPh>
    <phoneticPr fontId="2"/>
  </si>
  <si>
    <t>（2,690）</t>
    <phoneticPr fontId="2"/>
  </si>
  <si>
    <t>（20,075）</t>
    <phoneticPr fontId="2"/>
  </si>
  <si>
    <t>（2,819）</t>
    <phoneticPr fontId="2"/>
  </si>
  <si>
    <t>（21,687）</t>
    <phoneticPr fontId="2"/>
  </si>
  <si>
    <t>※福祉医療費受給者における医療費の状況</t>
    <rPh sb="1" eb="3">
      <t>フクシ</t>
    </rPh>
    <rPh sb="3" eb="5">
      <t>イリョウ</t>
    </rPh>
    <rPh sb="5" eb="6">
      <t>ヒ</t>
    </rPh>
    <rPh sb="6" eb="9">
      <t>ジュキュウシャ</t>
    </rPh>
    <rPh sb="13" eb="15">
      <t>イリョウ</t>
    </rPh>
    <rPh sb="15" eb="16">
      <t>ヒ</t>
    </rPh>
    <rPh sb="17" eb="19">
      <t>ジョウキョウ</t>
    </rPh>
    <phoneticPr fontId="2"/>
  </si>
  <si>
    <t>（121）</t>
    <phoneticPr fontId="2"/>
  </si>
  <si>
    <t>（2,798）</t>
    <phoneticPr fontId="2"/>
  </si>
  <si>
    <t>（23,124）</t>
    <phoneticPr fontId="2"/>
  </si>
  <si>
    <t>（2,551）</t>
    <phoneticPr fontId="2"/>
  </si>
  <si>
    <t>（21,080）</t>
    <phoneticPr fontId="2"/>
  </si>
  <si>
    <t>（122）</t>
  </si>
  <si>
    <t>（3,570）</t>
  </si>
  <si>
    <t>（29,254）</t>
  </si>
  <si>
    <t>平成13年度</t>
    <rPh sb="0" eb="2">
      <t>ヘイセイ</t>
    </rPh>
    <rPh sb="4" eb="6">
      <t>ネンド</t>
    </rPh>
    <phoneticPr fontId="2"/>
  </si>
  <si>
    <t>※対象人員は、3月31日現在</t>
    <rPh sb="1" eb="3">
      <t>タイショウ</t>
    </rPh>
    <rPh sb="3" eb="5">
      <t>ジンイン</t>
    </rPh>
    <rPh sb="8" eb="9">
      <t>ガツ</t>
    </rPh>
    <rPh sb="11" eb="12">
      <t>ヒ</t>
    </rPh>
    <rPh sb="12" eb="14">
      <t>ゲンザイ</t>
    </rPh>
    <phoneticPr fontId="2"/>
  </si>
  <si>
    <t>（86）</t>
    <phoneticPr fontId="2"/>
  </si>
  <si>
    <t>（3,519）</t>
    <phoneticPr fontId="2"/>
  </si>
  <si>
    <t>（40,920）</t>
    <phoneticPr fontId="2"/>
  </si>
  <si>
    <t>令和元年度</t>
    <rPh sb="0" eb="2">
      <t>レイワ</t>
    </rPh>
    <rPh sb="2" eb="4">
      <t>ガンネン</t>
    </rPh>
    <rPh sb="4" eb="5">
      <t>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u/>
      <sz val="12"/>
      <name val="ＭＳ 明朝"/>
      <family val="1"/>
      <charset val="128"/>
    </font>
    <font>
      <sz val="12"/>
      <color rgb="FFFF0000"/>
      <name val="ＭＳ 明朝"/>
      <family val="1"/>
      <charset val="128"/>
    </font>
    <font>
      <u/>
      <sz val="12"/>
      <color rgb="FF00B05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5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6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right" vertical="center"/>
    </xf>
    <xf numFmtId="38" fontId="4" fillId="0" borderId="0" xfId="1" applyNumberFormat="1" applyFont="1" applyBorder="1" applyAlignment="1">
      <alignment horizontal="right" vertical="center"/>
    </xf>
    <xf numFmtId="49" fontId="4" fillId="0" borderId="0" xfId="1" applyNumberFormat="1" applyFont="1" applyFill="1" applyBorder="1" applyAlignment="1">
      <alignment horizontal="right"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38" fontId="4" fillId="0" borderId="0" xfId="1" applyNumberFormat="1" applyFont="1" applyFill="1" applyBorder="1" applyAlignment="1">
      <alignment horizontal="right" vertical="center"/>
    </xf>
    <xf numFmtId="0" fontId="4" fillId="0" borderId="0" xfId="0" applyFont="1" applyFill="1" applyAlignment="1">
      <alignment vertical="center"/>
    </xf>
    <xf numFmtId="0" fontId="4" fillId="0" borderId="1" xfId="0" applyFont="1" applyFill="1" applyBorder="1" applyAlignment="1">
      <alignment horizontal="center" vertical="center"/>
    </xf>
    <xf numFmtId="0" fontId="6" fillId="2" borderId="0" xfId="0" applyFont="1" applyFill="1" applyAlignment="1">
      <alignment horizontal="right" vertical="center"/>
    </xf>
    <xf numFmtId="0" fontId="7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38" fontId="4" fillId="0" borderId="0" xfId="1" applyFont="1" applyBorder="1" applyAlignment="1">
      <alignment horizontal="right" vertical="center" indent="1"/>
    </xf>
    <xf numFmtId="38" fontId="4" fillId="0" borderId="0" xfId="1" applyFont="1" applyFill="1" applyBorder="1" applyAlignment="1">
      <alignment horizontal="right" vertical="center" indent="1"/>
    </xf>
    <xf numFmtId="38" fontId="4" fillId="0" borderId="2" xfId="1" applyFont="1" applyBorder="1" applyAlignment="1">
      <alignment horizontal="right" vertical="center" indent="1"/>
    </xf>
    <xf numFmtId="38" fontId="4" fillId="0" borderId="2" xfId="1" applyFont="1" applyFill="1" applyBorder="1" applyAlignment="1">
      <alignment horizontal="right" vertical="center" indent="1"/>
    </xf>
    <xf numFmtId="38" fontId="6" fillId="0" borderId="0" xfId="1" applyNumberFormat="1" applyFont="1" applyFill="1" applyBorder="1" applyAlignment="1">
      <alignment horizontal="right" vertical="center"/>
    </xf>
    <xf numFmtId="0" fontId="6" fillId="0" borderId="0" xfId="0" applyFont="1" applyFill="1" applyAlignment="1">
      <alignment vertical="center"/>
    </xf>
    <xf numFmtId="0" fontId="4" fillId="0" borderId="3" xfId="0" applyFont="1" applyFill="1" applyBorder="1" applyAlignment="1">
      <alignment horizontal="center" vertical="center"/>
    </xf>
    <xf numFmtId="38" fontId="4" fillId="0" borderId="4" xfId="1" applyFont="1" applyFill="1" applyBorder="1" applyAlignment="1">
      <alignment horizontal="right" vertical="center" indent="1"/>
    </xf>
    <xf numFmtId="0" fontId="4" fillId="0" borderId="0" xfId="0" applyFont="1" applyFill="1" applyBorder="1" applyAlignment="1">
      <alignment horizontal="left" vertical="center"/>
    </xf>
    <xf numFmtId="0" fontId="4" fillId="0" borderId="14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49" fontId="4" fillId="0" borderId="4" xfId="1" applyNumberFormat="1" applyFont="1" applyFill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46"/>
  <sheetViews>
    <sheetView tabSelected="1" view="pageBreakPreview" zoomScaleNormal="100" workbookViewId="0">
      <pane ySplit="3" topLeftCell="A4" activePane="bottomLeft" state="frozen"/>
      <selection pane="bottomLeft"/>
    </sheetView>
  </sheetViews>
  <sheetFormatPr defaultRowHeight="14.25"/>
  <cols>
    <col min="1" max="1" width="11.125" style="2" customWidth="1"/>
    <col min="2" max="7" width="12.5" style="2" customWidth="1"/>
    <col min="8" max="8" width="10.375" style="2" customWidth="1"/>
    <col min="9" max="16384" width="9" style="2"/>
  </cols>
  <sheetData>
    <row r="1" spans="1:8" ht="20.25" customHeight="1" thickBot="1">
      <c r="A1" s="1" t="s">
        <v>2</v>
      </c>
      <c r="G1" s="3"/>
    </row>
    <row r="2" spans="1:8" ht="22.5" customHeight="1">
      <c r="A2" s="25" t="s">
        <v>0</v>
      </c>
      <c r="B2" s="31" t="s">
        <v>45</v>
      </c>
      <c r="C2" s="32"/>
      <c r="D2" s="27" t="s">
        <v>1</v>
      </c>
      <c r="E2" s="28"/>
      <c r="F2" s="28"/>
      <c r="G2" s="28"/>
    </row>
    <row r="3" spans="1:8" ht="22.5" customHeight="1">
      <c r="A3" s="26"/>
      <c r="B3" s="33"/>
      <c r="C3" s="34"/>
      <c r="D3" s="29" t="s">
        <v>3</v>
      </c>
      <c r="E3" s="29"/>
      <c r="F3" s="29" t="s">
        <v>4</v>
      </c>
      <c r="G3" s="30"/>
    </row>
    <row r="4" spans="1:8" ht="24" customHeight="1">
      <c r="A4" s="4" t="s">
        <v>59</v>
      </c>
      <c r="B4" s="16">
        <v>1668</v>
      </c>
      <c r="C4" s="5" t="s">
        <v>6</v>
      </c>
      <c r="D4" s="16">
        <v>18648</v>
      </c>
      <c r="E4" s="5" t="s">
        <v>7</v>
      </c>
      <c r="F4" s="16">
        <v>11179</v>
      </c>
      <c r="G4" s="5" t="s">
        <v>8</v>
      </c>
      <c r="H4" s="6"/>
    </row>
    <row r="5" spans="1:8" ht="24" customHeight="1">
      <c r="A5" s="4">
        <v>14</v>
      </c>
      <c r="B5" s="16">
        <v>1754</v>
      </c>
      <c r="C5" s="5" t="s">
        <v>9</v>
      </c>
      <c r="D5" s="16">
        <v>18956</v>
      </c>
      <c r="E5" s="5" t="s">
        <v>10</v>
      </c>
      <c r="F5" s="16">
        <v>10807</v>
      </c>
      <c r="G5" s="5" t="s">
        <v>11</v>
      </c>
      <c r="H5" s="6"/>
    </row>
    <row r="6" spans="1:8" ht="24" customHeight="1">
      <c r="A6" s="4">
        <v>15</v>
      </c>
      <c r="B6" s="16">
        <v>1861</v>
      </c>
      <c r="C6" s="5" t="s">
        <v>12</v>
      </c>
      <c r="D6" s="16">
        <v>27612</v>
      </c>
      <c r="E6" s="5" t="s">
        <v>13</v>
      </c>
      <c r="F6" s="16">
        <v>14837</v>
      </c>
      <c r="G6" s="5" t="s">
        <v>14</v>
      </c>
      <c r="H6" s="6"/>
    </row>
    <row r="7" spans="1:8" ht="24" customHeight="1">
      <c r="A7" s="4">
        <v>16</v>
      </c>
      <c r="B7" s="16">
        <v>1832</v>
      </c>
      <c r="C7" s="5" t="s">
        <v>15</v>
      </c>
      <c r="D7" s="16">
        <v>26391</v>
      </c>
      <c r="E7" s="5" t="s">
        <v>16</v>
      </c>
      <c r="F7" s="16">
        <v>14405</v>
      </c>
      <c r="G7" s="5" t="s">
        <v>17</v>
      </c>
      <c r="H7" s="6"/>
    </row>
    <row r="8" spans="1:8" ht="24" customHeight="1">
      <c r="A8" s="4">
        <v>17</v>
      </c>
      <c r="B8" s="16">
        <v>1955</v>
      </c>
      <c r="C8" s="5" t="s">
        <v>18</v>
      </c>
      <c r="D8" s="16">
        <v>30709</v>
      </c>
      <c r="E8" s="5" t="s">
        <v>19</v>
      </c>
      <c r="F8" s="16">
        <v>15707</v>
      </c>
      <c r="G8" s="5" t="s">
        <v>20</v>
      </c>
      <c r="H8" s="6"/>
    </row>
    <row r="9" spans="1:8" ht="24" customHeight="1">
      <c r="A9" s="4">
        <v>18</v>
      </c>
      <c r="B9" s="17">
        <v>2020</v>
      </c>
      <c r="C9" s="7" t="s">
        <v>21</v>
      </c>
      <c r="D9" s="17">
        <v>31050</v>
      </c>
      <c r="E9" s="7" t="s">
        <v>22</v>
      </c>
      <c r="F9" s="17">
        <v>15371</v>
      </c>
      <c r="G9" s="7" t="s">
        <v>23</v>
      </c>
      <c r="H9" s="6"/>
    </row>
    <row r="10" spans="1:8" ht="24" customHeight="1">
      <c r="A10" s="8">
        <v>19</v>
      </c>
      <c r="B10" s="18">
        <v>2090</v>
      </c>
      <c r="C10" s="7" t="s">
        <v>24</v>
      </c>
      <c r="D10" s="17">
        <v>44992</v>
      </c>
      <c r="E10" s="7" t="s">
        <v>25</v>
      </c>
      <c r="F10" s="17">
        <v>21527</v>
      </c>
      <c r="G10" s="7" t="s">
        <v>26</v>
      </c>
      <c r="H10" s="6"/>
    </row>
    <row r="11" spans="1:8" s="11" customFormat="1" ht="24" customHeight="1">
      <c r="A11" s="9">
        <v>20</v>
      </c>
      <c r="B11" s="19">
        <v>2013</v>
      </c>
      <c r="C11" s="7" t="s">
        <v>27</v>
      </c>
      <c r="D11" s="17">
        <v>47140</v>
      </c>
      <c r="E11" s="7" t="s">
        <v>28</v>
      </c>
      <c r="F11" s="17">
        <v>23417</v>
      </c>
      <c r="G11" s="7" t="s">
        <v>29</v>
      </c>
      <c r="H11" s="10"/>
    </row>
    <row r="12" spans="1:8" s="11" customFormat="1" ht="24" customHeight="1">
      <c r="A12" s="12">
        <v>21</v>
      </c>
      <c r="B12" s="17">
        <v>2127</v>
      </c>
      <c r="C12" s="7" t="s">
        <v>24</v>
      </c>
      <c r="D12" s="17">
        <v>46829</v>
      </c>
      <c r="E12" s="7" t="s">
        <v>30</v>
      </c>
      <c r="F12" s="17">
        <v>22016</v>
      </c>
      <c r="G12" s="7" t="s">
        <v>31</v>
      </c>
      <c r="H12" s="10"/>
    </row>
    <row r="13" spans="1:8" s="11" customFormat="1" ht="24" customHeight="1">
      <c r="A13" s="12">
        <v>22</v>
      </c>
      <c r="B13" s="17">
        <v>2151</v>
      </c>
      <c r="C13" s="7" t="s">
        <v>35</v>
      </c>
      <c r="D13" s="17">
        <v>49993</v>
      </c>
      <c r="E13" s="7" t="s">
        <v>36</v>
      </c>
      <c r="F13" s="17">
        <v>23212</v>
      </c>
      <c r="G13" s="7" t="s">
        <v>37</v>
      </c>
      <c r="H13" s="10"/>
    </row>
    <row r="14" spans="1:8" s="11" customFormat="1" ht="24" customHeight="1">
      <c r="A14" s="9">
        <v>23</v>
      </c>
      <c r="B14" s="19">
        <v>2150</v>
      </c>
      <c r="C14" s="7" t="s">
        <v>32</v>
      </c>
      <c r="D14" s="17">
        <v>53000</v>
      </c>
      <c r="E14" s="7" t="s">
        <v>33</v>
      </c>
      <c r="F14" s="17">
        <v>24651</v>
      </c>
      <c r="G14" s="7" t="s">
        <v>34</v>
      </c>
      <c r="H14" s="10"/>
    </row>
    <row r="15" spans="1:8" s="11" customFormat="1" ht="24" customHeight="1">
      <c r="A15" s="9">
        <v>24</v>
      </c>
      <c r="B15" s="19">
        <v>2194</v>
      </c>
      <c r="C15" s="7" t="s">
        <v>38</v>
      </c>
      <c r="D15" s="17">
        <v>51210</v>
      </c>
      <c r="E15" s="7" t="s">
        <v>39</v>
      </c>
      <c r="F15" s="17">
        <v>23341</v>
      </c>
      <c r="G15" s="7" t="s">
        <v>40</v>
      </c>
      <c r="H15" s="10"/>
    </row>
    <row r="16" spans="1:8" s="21" customFormat="1" ht="24" customHeight="1">
      <c r="A16" s="9">
        <v>25</v>
      </c>
      <c r="B16" s="19">
        <v>2148</v>
      </c>
      <c r="C16" s="7" t="s">
        <v>41</v>
      </c>
      <c r="D16" s="17">
        <v>49219</v>
      </c>
      <c r="E16" s="7" t="s">
        <v>42</v>
      </c>
      <c r="F16" s="17">
        <v>22914</v>
      </c>
      <c r="G16" s="7" t="s">
        <v>43</v>
      </c>
      <c r="H16" s="20"/>
    </row>
    <row r="17" spans="1:8" s="21" customFormat="1" ht="24" customHeight="1">
      <c r="A17" s="9">
        <v>26</v>
      </c>
      <c r="B17" s="19">
        <v>2191</v>
      </c>
      <c r="C17" s="7" t="s">
        <v>6</v>
      </c>
      <c r="D17" s="17">
        <v>54045</v>
      </c>
      <c r="E17" s="7" t="s">
        <v>46</v>
      </c>
      <c r="F17" s="17">
        <v>24667</v>
      </c>
      <c r="G17" s="7" t="s">
        <v>47</v>
      </c>
      <c r="H17" s="20"/>
    </row>
    <row r="18" spans="1:8" s="21" customFormat="1" ht="24" customHeight="1">
      <c r="A18" s="12">
        <v>27</v>
      </c>
      <c r="B18" s="17">
        <v>2205</v>
      </c>
      <c r="C18" s="7" t="s">
        <v>41</v>
      </c>
      <c r="D18" s="17">
        <v>51687</v>
      </c>
      <c r="E18" s="7" t="s">
        <v>48</v>
      </c>
      <c r="F18" s="17">
        <v>23441</v>
      </c>
      <c r="G18" s="7" t="s">
        <v>49</v>
      </c>
      <c r="H18" s="20"/>
    </row>
    <row r="19" spans="1:8" s="21" customFormat="1" ht="24" customHeight="1">
      <c r="A19" s="12">
        <v>28</v>
      </c>
      <c r="B19" s="17">
        <v>2226</v>
      </c>
      <c r="C19" s="7" t="s">
        <v>51</v>
      </c>
      <c r="D19" s="17">
        <v>53760</v>
      </c>
      <c r="E19" s="7" t="s">
        <v>52</v>
      </c>
      <c r="F19" s="17">
        <v>24151</v>
      </c>
      <c r="G19" s="7" t="s">
        <v>53</v>
      </c>
      <c r="H19" s="20"/>
    </row>
    <row r="20" spans="1:8" s="21" customFormat="1" ht="24" customHeight="1">
      <c r="A20" s="12">
        <v>29</v>
      </c>
      <c r="B20" s="17">
        <v>2184</v>
      </c>
      <c r="C20" s="7" t="s">
        <v>51</v>
      </c>
      <c r="D20" s="17">
        <v>51426</v>
      </c>
      <c r="E20" s="7" t="s">
        <v>54</v>
      </c>
      <c r="F20" s="17">
        <v>23547</v>
      </c>
      <c r="G20" s="7" t="s">
        <v>55</v>
      </c>
      <c r="H20" s="20"/>
    </row>
    <row r="21" spans="1:8" s="21" customFormat="1" ht="24" customHeight="1">
      <c r="A21" s="12">
        <v>30</v>
      </c>
      <c r="B21" s="17">
        <v>2064</v>
      </c>
      <c r="C21" s="7" t="s">
        <v>56</v>
      </c>
      <c r="D21" s="17">
        <v>54680</v>
      </c>
      <c r="E21" s="7" t="s">
        <v>57</v>
      </c>
      <c r="F21" s="17">
        <v>26492</v>
      </c>
      <c r="G21" s="7" t="s">
        <v>58</v>
      </c>
      <c r="H21" s="20"/>
    </row>
    <row r="22" spans="1:8" ht="24" customHeight="1" thickBot="1">
      <c r="A22" s="22" t="s">
        <v>64</v>
      </c>
      <c r="B22" s="23">
        <v>1971</v>
      </c>
      <c r="C22" s="35" t="s">
        <v>61</v>
      </c>
      <c r="D22" s="23">
        <v>61676</v>
      </c>
      <c r="E22" s="35" t="s">
        <v>62</v>
      </c>
      <c r="F22" s="23">
        <v>31292</v>
      </c>
      <c r="G22" s="35" t="s">
        <v>63</v>
      </c>
    </row>
    <row r="23" spans="1:8">
      <c r="A23" s="2" t="s">
        <v>44</v>
      </c>
    </row>
    <row r="24" spans="1:8">
      <c r="A24" s="24" t="s">
        <v>60</v>
      </c>
    </row>
    <row r="25" spans="1:8">
      <c r="A25" s="24" t="s">
        <v>50</v>
      </c>
    </row>
    <row r="26" spans="1:8">
      <c r="A26" s="2" t="s">
        <v>5</v>
      </c>
    </row>
    <row r="27" spans="1:8">
      <c r="A27" s="13"/>
      <c r="B27" s="14"/>
      <c r="C27" s="15"/>
      <c r="D27" s="15"/>
      <c r="E27" s="15"/>
      <c r="F27" s="15"/>
      <c r="G27" s="15"/>
    </row>
    <row r="43" ht="9.75" customHeight="1"/>
    <row r="45" ht="13.5" customHeight="1"/>
    <row r="46" ht="13.5" customHeight="1"/>
  </sheetData>
  <mergeCells count="5">
    <mergeCell ref="A2:A3"/>
    <mergeCell ref="D2:G2"/>
    <mergeCell ref="D3:E3"/>
    <mergeCell ref="F3:G3"/>
    <mergeCell ref="B2:C3"/>
  </mergeCells>
  <phoneticPr fontId="2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9-24</vt:lpstr>
      <vt:lpstr>'19-24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社会福祉</dc:title>
  <dc:creator>JWS22010</dc:creator>
  <cp:lastModifiedBy>Administrator</cp:lastModifiedBy>
  <cp:lastPrinted>2021-02-03T07:35:11Z</cp:lastPrinted>
  <dcterms:created xsi:type="dcterms:W3CDTF">1997-01-08T22:48:59Z</dcterms:created>
  <dcterms:modified xsi:type="dcterms:W3CDTF">2021-02-03T07:35:14Z</dcterms:modified>
</cp:coreProperties>
</file>